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5F01D0" w:rsidRDefault="0081793A" w:rsidP="0081793A">
      <w:pPr>
        <w:jc w:val="center"/>
        <w:rPr>
          <w:rFonts w:asciiTheme="minorHAnsi" w:hAnsiTheme="minorHAnsi" w:cstheme="minorHAnsi"/>
          <w:b/>
          <w:szCs w:val="24"/>
        </w:rPr>
      </w:pPr>
      <w:r>
        <w:rPr>
          <w:rFonts w:asciiTheme="minorHAnsi" w:hAnsiTheme="minorHAnsi" w:cstheme="minorHAnsi"/>
          <w:b/>
          <w:szCs w:val="24"/>
        </w:rPr>
        <w:t>Client Disengagement Letter</w:t>
      </w:r>
      <w:r w:rsidR="00C02684">
        <w:rPr>
          <w:rFonts w:asciiTheme="minorHAnsi" w:hAnsiTheme="minorHAnsi" w:cstheme="minorHAnsi"/>
          <w:b/>
          <w:szCs w:val="24"/>
        </w:rPr>
        <w:t xml:space="preserve"> Template</w:t>
      </w:r>
    </w:p>
    <w:p w:rsidR="0081793A" w:rsidRPr="00BD7645" w:rsidRDefault="0081793A" w:rsidP="005F01D0">
      <w:pPr>
        <w:rPr>
          <w:rFonts w:asciiTheme="minorHAnsi" w:hAnsiTheme="minorHAnsi" w:cstheme="minorHAnsi"/>
          <w:szCs w:val="24"/>
        </w:rPr>
      </w:pPr>
    </w:p>
    <w:p w:rsidR="005F01D0" w:rsidRPr="004316C1" w:rsidRDefault="005F01D0" w:rsidP="005F01D0">
      <w:pPr>
        <w:rPr>
          <w:rFonts w:asciiTheme="minorHAnsi" w:hAnsiTheme="minorHAnsi" w:cstheme="minorHAnsi"/>
          <w:i/>
          <w:szCs w:val="24"/>
        </w:rPr>
      </w:pPr>
      <w:r w:rsidRPr="004316C1">
        <w:rPr>
          <w:rFonts w:asciiTheme="minorHAnsi" w:hAnsiTheme="minorHAnsi" w:cstheme="minorHAnsi"/>
          <w:i/>
          <w:szCs w:val="24"/>
        </w:rPr>
        <w:t>This is a letter you can send to fire a client you no longer wish to work with.</w:t>
      </w:r>
    </w:p>
    <w:p w:rsidR="005F01D0" w:rsidRPr="004316C1" w:rsidRDefault="005F01D0" w:rsidP="005F01D0">
      <w:pPr>
        <w:rPr>
          <w:rFonts w:asciiTheme="minorHAnsi" w:hAnsiTheme="minorHAnsi" w:cstheme="minorHAnsi"/>
          <w:i/>
          <w:szCs w:val="24"/>
        </w:rPr>
      </w:pPr>
    </w:p>
    <w:p w:rsidR="005F01D0" w:rsidRPr="004316C1" w:rsidRDefault="005F01D0" w:rsidP="005F01D0">
      <w:pPr>
        <w:rPr>
          <w:rFonts w:asciiTheme="minorHAnsi" w:hAnsiTheme="minorHAnsi" w:cstheme="minorHAnsi"/>
          <w:i/>
          <w:szCs w:val="24"/>
        </w:rPr>
      </w:pPr>
      <w:r w:rsidRPr="004316C1">
        <w:rPr>
          <w:rFonts w:asciiTheme="minorHAnsi" w:hAnsiTheme="minorHAnsi" w:cstheme="minorHAnsi"/>
          <w:i/>
          <w:szCs w:val="24"/>
        </w:rPr>
        <w:t>Send this letter “Certified</w:t>
      </w:r>
      <w:r w:rsidR="004316C1">
        <w:rPr>
          <w:rFonts w:asciiTheme="minorHAnsi" w:hAnsiTheme="minorHAnsi" w:cstheme="minorHAnsi"/>
          <w:i/>
          <w:szCs w:val="24"/>
        </w:rPr>
        <w:t xml:space="preserve"> Mail, Return Receipt Requested</w:t>
      </w:r>
      <w:r w:rsidRPr="004316C1">
        <w:rPr>
          <w:rFonts w:asciiTheme="minorHAnsi" w:hAnsiTheme="minorHAnsi" w:cstheme="minorHAnsi"/>
          <w:i/>
          <w:szCs w:val="24"/>
        </w:rPr>
        <w:t>”</w:t>
      </w:r>
      <w:r w:rsidR="004316C1">
        <w:rPr>
          <w:rFonts w:asciiTheme="minorHAnsi" w:hAnsiTheme="minorHAnsi" w:cstheme="minorHAnsi"/>
          <w:i/>
          <w:szCs w:val="24"/>
        </w:rPr>
        <w:t xml:space="preserve"> so you have proof client received the letter.</w:t>
      </w:r>
      <w:r w:rsidRPr="004316C1">
        <w:rPr>
          <w:rFonts w:asciiTheme="minorHAnsi" w:hAnsiTheme="minorHAnsi" w:cstheme="minorHAnsi"/>
          <w:i/>
          <w:szCs w:val="24"/>
        </w:rPr>
        <w:t xml:space="preserve"> It should be postmarked at least 30 days before </w:t>
      </w:r>
      <w:r w:rsidR="00306251" w:rsidRPr="004316C1">
        <w:rPr>
          <w:rFonts w:asciiTheme="minorHAnsi" w:hAnsiTheme="minorHAnsi" w:cstheme="minorHAnsi"/>
          <w:i/>
          <w:szCs w:val="24"/>
        </w:rPr>
        <w:t>the date</w:t>
      </w:r>
      <w:r w:rsidR="004316C1">
        <w:rPr>
          <w:rFonts w:asciiTheme="minorHAnsi" w:hAnsiTheme="minorHAnsi" w:cstheme="minorHAnsi"/>
          <w:i/>
          <w:szCs w:val="24"/>
        </w:rPr>
        <w:t xml:space="preserve"> of termination</w:t>
      </w:r>
      <w:r w:rsidR="00306251" w:rsidRPr="004316C1">
        <w:rPr>
          <w:rFonts w:asciiTheme="minorHAnsi" w:hAnsiTheme="minorHAnsi" w:cstheme="minorHAnsi"/>
          <w:i/>
          <w:szCs w:val="24"/>
        </w:rPr>
        <w:t xml:space="preserve"> you put below.</w:t>
      </w:r>
    </w:p>
    <w:p w:rsidR="005F01D0" w:rsidRDefault="005F01D0" w:rsidP="0081793A">
      <w:pPr>
        <w:rPr>
          <w:rFonts w:asciiTheme="minorHAnsi" w:hAnsiTheme="minorHAnsi" w:cstheme="minorHAnsi"/>
          <w:szCs w:val="24"/>
        </w:rPr>
      </w:pPr>
    </w:p>
    <w:p w:rsidR="0081793A" w:rsidRPr="00BD7645" w:rsidRDefault="0081793A" w:rsidP="0081793A">
      <w:pPr>
        <w:rPr>
          <w:rFonts w:asciiTheme="minorHAnsi" w:hAnsiTheme="minorHAnsi" w:cstheme="minorHAnsi"/>
          <w:szCs w:val="24"/>
        </w:rPr>
      </w:pPr>
      <w:r>
        <w:rPr>
          <w:rFonts w:asciiTheme="minorHAnsi" w:hAnsiTheme="minorHAnsi" w:cstheme="minorHAnsi"/>
          <w:noProof/>
          <w:szCs w:val="24"/>
        </w:rPr>
        <mc:AlternateContent>
          <mc:Choice Requires="wps">
            <w:drawing>
              <wp:anchor distT="0" distB="0" distL="114300" distR="114300" simplePos="0" relativeHeight="251659264" behindDoc="0" locked="0" layoutInCell="1" allowOverlap="1">
                <wp:simplePos x="0" y="0"/>
                <wp:positionH relativeFrom="margin">
                  <wp:align>center</wp:align>
                </wp:positionH>
                <wp:positionV relativeFrom="paragraph">
                  <wp:posOffset>12065</wp:posOffset>
                </wp:positionV>
                <wp:extent cx="6257925" cy="19050"/>
                <wp:effectExtent l="0" t="0" r="28575" b="19050"/>
                <wp:wrapNone/>
                <wp:docPr id="1" name="Straight Connector 1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CnPr/>
                      <wps:spPr>
                        <a:xfrm flipV="1">
                          <a:off x="0" y="0"/>
                          <a:ext cx="6257925" cy="19050"/>
                        </a:xfrm>
                        <a:prstGeom prst="line">
                          <a:avLst/>
                        </a:prstGeom>
                      </wps:spPr>
                      <wps:style>
                        <a:lnRef idx="1">
                          <a:schemeClr val="dk1"/>
                        </a:lnRef>
                        <a:fillRef idx="0">
                          <a:schemeClr val="dk1"/>
                        </a:fillRef>
                        <a:effectRef idx="0">
                          <a:schemeClr val="dk1"/>
                        </a:effectRef>
                        <a:fontRef idx="minor">
                          <a:schemeClr val="tx1"/>
                        </a:fontRef>
                      </wps:style>
                      <wps:bodyPr/>
                    </wps:wsp>
                  </a:graphicData>
                </a:graphic>
              </wp:anchor>
            </w:drawing>
          </mc:Choice>
          <mc:Fallback>
            <w:pict>
              <v:line w14:anchorId="459E73ED" id="Straight Connector 1" o:spid="_x0000_s1026" style="position:absolute;flip:y;z-index:251659264;visibility:visible;mso-wrap-style:square;mso-wrap-distance-left:9pt;mso-wrap-distance-top:0;mso-wrap-distance-right:9pt;mso-wrap-distance-bottom:0;mso-position-horizontal:center;mso-position-horizontal-relative:margin;mso-position-vertical:absolute;mso-position-vertical-relative:text" from="0,.95pt" to="492.75pt,2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" strokecolor="black [3200]" strokeweight=".5pt">
                <v:stroke joinstyle="miter"/>
                <w10:wrap anchorx="margin"/>
              </v:line>
            </w:pict>
          </mc:Fallback>
        </mc:AlternateContent>
      </w:r>
    </w:p>
    <w:p w:rsidR="005F01D0" w:rsidRPr="00BD7645" w:rsidRDefault="005F01D0" w:rsidP="005F01D0">
      <w:pPr>
        <w:jc w:val="center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Your Firm, LLC</w:t>
      </w:r>
    </w:p>
    <w:p w:rsidR="005F01D0" w:rsidRPr="00BD7645" w:rsidRDefault="005F01D0" w:rsidP="005F01D0">
      <w:pPr>
        <w:jc w:val="center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Physical Address · Phone Number · Email Address · Website</w:t>
      </w:r>
    </w:p>
    <w:p w:rsidR="005F01D0" w:rsidRPr="00BD7645" w:rsidRDefault="005F01D0" w:rsidP="005F01D0">
      <w:pPr>
        <w:tabs>
          <w:tab w:val="left" w:pos="1965"/>
        </w:tabs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ab/>
      </w:r>
      <w:r w:rsidRPr="00BD7645">
        <w:rPr>
          <w:rFonts w:asciiTheme="minorHAnsi" w:hAnsiTheme="minorHAnsi" w:cstheme="minorHAnsi"/>
          <w:szCs w:val="24"/>
        </w:rPr>
        <w:br/>
        <w:t xml:space="preserve">Date </w:t>
      </w:r>
    </w:p>
    <w:p w:rsidR="005F01D0" w:rsidRPr="00BD7645" w:rsidRDefault="005F01D0" w:rsidP="005F01D0">
      <w:pPr>
        <w:tabs>
          <w:tab w:val="left" w:pos="1965"/>
        </w:tabs>
        <w:rPr>
          <w:rFonts w:asciiTheme="minorHAnsi" w:hAnsiTheme="minorHAnsi" w:cstheme="minorHAnsi"/>
          <w:szCs w:val="24"/>
        </w:rPr>
      </w:pPr>
    </w:p>
    <w:p w:rsidR="005F01D0" w:rsidRPr="00BD7645" w:rsidRDefault="005F01D0" w:rsidP="005F01D0">
      <w:pPr>
        <w:tabs>
          <w:tab w:val="left" w:pos="1965"/>
        </w:tabs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Client Name</w:t>
      </w:r>
    </w:p>
    <w:p w:rsidR="005F01D0" w:rsidRPr="00BD7645" w:rsidRDefault="005F01D0" w:rsidP="005F01D0">
      <w:pPr>
        <w:tabs>
          <w:tab w:val="left" w:pos="1965"/>
        </w:tabs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Client Company</w:t>
      </w:r>
    </w:p>
    <w:p w:rsidR="005F01D0" w:rsidRPr="00BD7645" w:rsidRDefault="005F01D0" w:rsidP="005F01D0">
      <w:pPr>
        <w:tabs>
          <w:tab w:val="left" w:pos="1965"/>
        </w:tabs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Street Address</w:t>
      </w:r>
    </w:p>
    <w:p w:rsidR="00EA572F" w:rsidRPr="00BD7645" w:rsidRDefault="005F01D0" w:rsidP="005F01D0">
      <w:pPr>
        <w:tabs>
          <w:tab w:val="left" w:pos="1965"/>
        </w:tabs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City, State &amp; Zip</w:t>
      </w:r>
    </w:p>
    <w:p w:rsidR="005F01D0" w:rsidRPr="00BD7645" w:rsidRDefault="005F01D0" w:rsidP="005F01D0">
      <w:pPr>
        <w:tabs>
          <w:tab w:val="left" w:pos="1965"/>
        </w:tabs>
        <w:rPr>
          <w:rFonts w:asciiTheme="minorHAnsi" w:hAnsiTheme="minorHAnsi" w:cstheme="minorHAnsi"/>
          <w:szCs w:val="24"/>
        </w:rPr>
      </w:pPr>
    </w:p>
    <w:p w:rsidR="005F01D0" w:rsidRPr="00BD7645" w:rsidRDefault="005F01D0" w:rsidP="005F01D0">
      <w:pPr>
        <w:tabs>
          <w:tab w:val="left" w:pos="1965"/>
        </w:tabs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Dear [Client Name]:</w:t>
      </w:r>
    </w:p>
    <w:p w:rsidR="005F01D0" w:rsidRPr="00BD7645" w:rsidRDefault="005F01D0" w:rsidP="009C2516">
      <w:pPr>
        <w:jc w:val="both"/>
        <w:rPr>
          <w:rFonts w:asciiTheme="minorHAnsi" w:hAnsiTheme="minorHAnsi" w:cstheme="minorHAnsi"/>
          <w:szCs w:val="24"/>
        </w:rPr>
      </w:pP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 xml:space="preserve">We appreciate your business and want to let you know of a change in direction in our firm. </w:t>
      </w: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 xml:space="preserve">As our company has grown, we have worked hard to maintain our level of service to all clients. </w:t>
      </w: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 xml:space="preserve">Unfortunately, we can no longer do so and keep </w:t>
      </w:r>
      <w:proofErr w:type="gramStart"/>
      <w:r w:rsidRPr="00BD7645">
        <w:rPr>
          <w:rFonts w:asciiTheme="minorHAnsi" w:hAnsiTheme="minorHAnsi" w:cstheme="minorHAnsi"/>
          <w:szCs w:val="24"/>
        </w:rPr>
        <w:t>all of</w:t>
      </w:r>
      <w:proofErr w:type="gramEnd"/>
      <w:r w:rsidRPr="00BD7645">
        <w:rPr>
          <w:rFonts w:asciiTheme="minorHAnsi" w:hAnsiTheme="minorHAnsi" w:cstheme="minorHAnsi"/>
          <w:szCs w:val="24"/>
        </w:rPr>
        <w:t xml:space="preserve"> our current clients.  </w:t>
      </w: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Therefore, we regrettably must ask you to engage another firm to provide you with [services you provide], effective [date].</w:t>
      </w: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 xml:space="preserve">We will be happy to work with your new firm to ensure that the </w:t>
      </w:r>
      <w:r w:rsidR="00306251" w:rsidRPr="00BD7645">
        <w:rPr>
          <w:rFonts w:asciiTheme="minorHAnsi" w:hAnsiTheme="minorHAnsi" w:cstheme="minorHAnsi"/>
          <w:szCs w:val="24"/>
        </w:rPr>
        <w:t>transition</w:t>
      </w:r>
      <w:r w:rsidRPr="00BD7645">
        <w:rPr>
          <w:rFonts w:asciiTheme="minorHAnsi" w:hAnsiTheme="minorHAnsi" w:cstheme="minorHAnsi"/>
          <w:szCs w:val="24"/>
        </w:rPr>
        <w:t xml:space="preserve"> is a painless one.</w:t>
      </w: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Please keep in mind that since our engagement will be ending on [date], you will need to engage a new firm in a timely manner, as some of these matters are time sensitive and require completion and/or filing by a certain date. If these matters are not completed within the time provided, there may be adverse consequences, including substantial fines, penalties, and interest.</w:t>
      </w: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Enclosed is a statement totaling all outstanding invoices for services provided. We appreciate your payment within 30 days of receiving this letter.</w:t>
      </w: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If you have any questions, please contact me directly at [phone or email].</w:t>
      </w: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Thank you for your past business and</w:t>
      </w:r>
      <w:bookmarkStart w:id="0" w:name="_GoBack"/>
      <w:bookmarkEnd w:id="0"/>
      <w:r w:rsidRPr="00BD7645">
        <w:rPr>
          <w:rFonts w:asciiTheme="minorHAnsi" w:hAnsiTheme="minorHAnsi" w:cstheme="minorHAnsi"/>
          <w:szCs w:val="24"/>
        </w:rPr>
        <w:t xml:space="preserve"> your understanding.  We wish you the best of success in the future.</w:t>
      </w:r>
    </w:p>
    <w:p w:rsidR="005F01D0" w:rsidRPr="00BD7645" w:rsidRDefault="005F01D0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  <w:r w:rsidRPr="00BD7645">
        <w:rPr>
          <w:rFonts w:asciiTheme="minorHAnsi" w:hAnsiTheme="minorHAnsi" w:cstheme="minorHAnsi"/>
          <w:szCs w:val="24"/>
        </w:rPr>
        <w:t>Sincerely,</w:t>
      </w:r>
    </w:p>
    <w:p w:rsidR="001722CB" w:rsidRPr="00BD7645" w:rsidRDefault="001722CB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</w:p>
    <w:p w:rsidR="001722CB" w:rsidRPr="00BD7645" w:rsidRDefault="001722CB" w:rsidP="005F01D0">
      <w:pPr>
        <w:shd w:val="clear" w:color="auto" w:fill="FFFFFF"/>
        <w:spacing w:after="150"/>
        <w:rPr>
          <w:rFonts w:asciiTheme="minorHAnsi" w:hAnsiTheme="minorHAnsi" w:cstheme="minorHAnsi"/>
          <w:szCs w:val="24"/>
        </w:rPr>
      </w:pPr>
    </w:p>
    <w:p w:rsidR="005F01D0" w:rsidRPr="00BD7645" w:rsidRDefault="00A92037" w:rsidP="005F01D0">
      <w:pPr>
        <w:jc w:val="both"/>
        <w:rPr>
          <w:rFonts w:asciiTheme="minorHAnsi" w:hAnsiTheme="minorHAnsi" w:cstheme="minorHAnsi"/>
          <w:szCs w:val="24"/>
        </w:rPr>
      </w:pPr>
      <w:r>
        <w:rPr>
          <w:rFonts w:asciiTheme="minorHAnsi" w:hAnsiTheme="minorHAnsi" w:cstheme="minorHAnsi"/>
          <w:szCs w:val="24"/>
        </w:rPr>
        <w:t>[</w:t>
      </w:r>
      <w:r w:rsidR="005F01D0" w:rsidRPr="00BD7645">
        <w:rPr>
          <w:rFonts w:asciiTheme="minorHAnsi" w:hAnsiTheme="minorHAnsi" w:cstheme="minorHAnsi"/>
          <w:szCs w:val="24"/>
        </w:rPr>
        <w:t>Your Name</w:t>
      </w:r>
      <w:r>
        <w:rPr>
          <w:rFonts w:asciiTheme="minorHAnsi" w:hAnsiTheme="minorHAnsi" w:cstheme="minorHAnsi"/>
          <w:szCs w:val="24"/>
        </w:rPr>
        <w:t>]</w:t>
      </w:r>
    </w:p>
    <w:p w:rsidR="001722CB" w:rsidRPr="00BD7645" w:rsidRDefault="00A92037" w:rsidP="005F01D0">
      <w:pPr>
        <w:jc w:val="both"/>
        <w:rPr>
          <w:rFonts w:asciiTheme="minorHAnsi" w:hAnsiTheme="minorHAnsi" w:cstheme="minorHAnsi"/>
          <w:szCs w:val="24"/>
        </w:rPr>
      </w:pPr>
      <w:r>
        <w:rPr>
          <w:rFonts w:asciiTheme="minorHAnsi" w:hAnsiTheme="minorHAnsi" w:cstheme="minorHAnsi"/>
          <w:szCs w:val="24"/>
        </w:rPr>
        <w:t>[</w:t>
      </w:r>
      <w:r w:rsidR="001722CB" w:rsidRPr="00BD7645">
        <w:rPr>
          <w:rFonts w:asciiTheme="minorHAnsi" w:hAnsiTheme="minorHAnsi" w:cstheme="minorHAnsi"/>
          <w:szCs w:val="24"/>
        </w:rPr>
        <w:t>Your Title</w:t>
      </w:r>
      <w:r>
        <w:rPr>
          <w:rFonts w:asciiTheme="minorHAnsi" w:hAnsiTheme="minorHAnsi" w:cstheme="minorHAnsi"/>
          <w:szCs w:val="24"/>
        </w:rPr>
        <w:t>]</w:t>
      </w:r>
    </w:p>
    <w:p w:rsidR="001722CB" w:rsidRPr="00BD7645" w:rsidRDefault="00A92037" w:rsidP="005F01D0">
      <w:pPr>
        <w:jc w:val="both"/>
        <w:rPr>
          <w:rFonts w:asciiTheme="minorHAnsi" w:hAnsiTheme="minorHAnsi" w:cstheme="minorHAnsi"/>
          <w:szCs w:val="24"/>
        </w:rPr>
      </w:pPr>
      <w:r>
        <w:rPr>
          <w:rFonts w:asciiTheme="minorHAnsi" w:hAnsiTheme="minorHAnsi" w:cstheme="minorHAnsi"/>
          <w:szCs w:val="24"/>
        </w:rPr>
        <w:t>[Your Firm]</w:t>
      </w:r>
    </w:p>
    <w:p w:rsidR="005F01D0" w:rsidRPr="00BD7645" w:rsidRDefault="005F01D0" w:rsidP="009C2516">
      <w:pPr>
        <w:jc w:val="both"/>
        <w:rPr>
          <w:rFonts w:asciiTheme="minorHAnsi" w:hAnsiTheme="minorHAnsi" w:cstheme="minorHAnsi"/>
          <w:b/>
          <w:szCs w:val="24"/>
        </w:rPr>
      </w:pPr>
    </w:p>
    <w:sectPr w:rsidR="005F01D0" w:rsidRPr="00BD7645" w:rsidSect="001722CB">
      <w:footerReference w:type="default" r:id="rId6"/>
      <w:headerReference w:type="first" r:id="rId7"/>
      <w:footerReference w:type="first" r:id="rId8"/>
      <w:pgSz w:w="12240" w:h="15840" w:code="1"/>
      <w:pgMar w:top="720" w:right="720" w:bottom="720" w:left="720" w:header="720" w:footer="504" w:gutter="0"/>
      <w:paperSrc w:first="7" w:other="7"/>
      <w:cols w:space="720"/>
      <w:noEndnote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433F1B" w:rsidRDefault="00433F1B">
      <w:r>
        <w:separator/>
      </w:r>
    </w:p>
  </w:endnote>
  <w:endnote w:type="continuationSeparator" w:id="0">
    <w:p w:rsidR="00433F1B" w:rsidRDefault="00433F1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altName w:val="Times New Roman"/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altName w:val="Calibri"/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DA120F" w:rsidRPr="00C23210" w:rsidRDefault="00DA120F" w:rsidP="00341254">
    <w:pPr>
      <w:pStyle w:val="Footer"/>
      <w:rPr>
        <w:color w:val="FFFFFF"/>
        <w:sz w:val="16"/>
      </w:rPr>
    </w:pPr>
    <w:r w:rsidRPr="00C23210">
      <w:rPr>
        <w:color w:val="FFFFFF"/>
        <w:sz w:val="16"/>
      </w:rPr>
      <w:fldChar w:fldCharType="begin"/>
    </w:r>
    <w:r w:rsidRPr="00C23210">
      <w:rPr>
        <w:color w:val="FFFFFF"/>
        <w:sz w:val="16"/>
      </w:rPr>
      <w:instrText xml:space="preserve"> DOCPROPERTY "SWDocID"  \* MERGEFORMAT </w:instrText>
    </w:r>
    <w:r w:rsidRPr="00C23210">
      <w:rPr>
        <w:color w:val="FFFFFF"/>
        <w:sz w:val="16"/>
      </w:rPr>
      <w:fldChar w:fldCharType="separate"/>
    </w:r>
    <w:r w:rsidR="00254246" w:rsidRPr="00254246">
      <w:rPr>
        <w:color w:val="FFFFFF"/>
        <w:sz w:val="18"/>
      </w:rPr>
      <w:t xml:space="preserve"> 2414152.1</w:t>
    </w:r>
    <w:r w:rsidRPr="00C23210">
      <w:rPr>
        <w:color w:val="FFFFFF"/>
        <w:sz w:val="16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DA120F" w:rsidRDefault="00DA120F">
    <w:pPr>
      <w:pStyle w:val="Footer"/>
    </w:pPr>
    <w:r>
      <w:t>WILSON, ELSER, MOSKOWITZ, EDELMAN &amp; DICKER LLP</w:t>
    </w:r>
  </w:p>
  <w:p w:rsidR="00DA120F" w:rsidRDefault="00DA120F" w:rsidP="009C2516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DOCPROPERTY "SWDocID"  \* MERGEFORMAT </w:instrText>
    </w:r>
    <w:r>
      <w:rPr>
        <w:sz w:val="16"/>
      </w:rPr>
      <w:fldChar w:fldCharType="separate"/>
    </w:r>
    <w:r w:rsidR="00254246">
      <w:rPr>
        <w:sz w:val="16"/>
      </w:rPr>
      <w:t xml:space="preserve"> 2414152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433F1B" w:rsidRDefault="00433F1B">
      <w:r>
        <w:separator/>
      </w:r>
    </w:p>
  </w:footnote>
  <w:footnote w:type="continuationSeparator" w:id="0">
    <w:p w:rsidR="00433F1B" w:rsidRDefault="00433F1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DA120F" w:rsidRDefault="00DA120F" w:rsidP="009C2516">
    <w:pPr>
      <w:pStyle w:val="Header"/>
      <w:jc w:val="cent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displayBackgroundShape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1"/>
    <w:docVar w:name="SWDocIDLocation" w:val="1"/>
  </w:docVars>
  <w:rsids>
    <w:rsidRoot w:val="009C2516"/>
    <w:rsid w:val="00000B99"/>
    <w:rsid w:val="000011F0"/>
    <w:rsid w:val="00001618"/>
    <w:rsid w:val="00001D20"/>
    <w:rsid w:val="000027A0"/>
    <w:rsid w:val="00002D74"/>
    <w:rsid w:val="000030A9"/>
    <w:rsid w:val="00003E88"/>
    <w:rsid w:val="0001033E"/>
    <w:rsid w:val="0001046F"/>
    <w:rsid w:val="00010839"/>
    <w:rsid w:val="00012541"/>
    <w:rsid w:val="00012CF7"/>
    <w:rsid w:val="000152D3"/>
    <w:rsid w:val="0002090C"/>
    <w:rsid w:val="00020F56"/>
    <w:rsid w:val="0002110F"/>
    <w:rsid w:val="000259F6"/>
    <w:rsid w:val="00026201"/>
    <w:rsid w:val="00027D52"/>
    <w:rsid w:val="00037DB8"/>
    <w:rsid w:val="00040439"/>
    <w:rsid w:val="000415DE"/>
    <w:rsid w:val="0004217B"/>
    <w:rsid w:val="00047771"/>
    <w:rsid w:val="00050D56"/>
    <w:rsid w:val="00050E4B"/>
    <w:rsid w:val="00054CA4"/>
    <w:rsid w:val="00055D61"/>
    <w:rsid w:val="00056948"/>
    <w:rsid w:val="00061FF1"/>
    <w:rsid w:val="00062326"/>
    <w:rsid w:val="000633B9"/>
    <w:rsid w:val="00067053"/>
    <w:rsid w:val="00072ABF"/>
    <w:rsid w:val="0007378F"/>
    <w:rsid w:val="00082E21"/>
    <w:rsid w:val="000844D8"/>
    <w:rsid w:val="000862F3"/>
    <w:rsid w:val="00086B29"/>
    <w:rsid w:val="000919E6"/>
    <w:rsid w:val="00095301"/>
    <w:rsid w:val="00095E3A"/>
    <w:rsid w:val="0009613F"/>
    <w:rsid w:val="00096897"/>
    <w:rsid w:val="000A77F2"/>
    <w:rsid w:val="000A7BE5"/>
    <w:rsid w:val="000A7EDA"/>
    <w:rsid w:val="000B0F58"/>
    <w:rsid w:val="000B6E23"/>
    <w:rsid w:val="000C045D"/>
    <w:rsid w:val="000C29C3"/>
    <w:rsid w:val="000C7900"/>
    <w:rsid w:val="000D0ED4"/>
    <w:rsid w:val="000E3AFA"/>
    <w:rsid w:val="000E40E6"/>
    <w:rsid w:val="000E5E75"/>
    <w:rsid w:val="000F043F"/>
    <w:rsid w:val="000F1040"/>
    <w:rsid w:val="000F576F"/>
    <w:rsid w:val="000F75FC"/>
    <w:rsid w:val="0010256D"/>
    <w:rsid w:val="00102CC4"/>
    <w:rsid w:val="00104B40"/>
    <w:rsid w:val="0011256A"/>
    <w:rsid w:val="00112FCC"/>
    <w:rsid w:val="0011791E"/>
    <w:rsid w:val="001206CE"/>
    <w:rsid w:val="00121E1F"/>
    <w:rsid w:val="001227FD"/>
    <w:rsid w:val="001340EE"/>
    <w:rsid w:val="001368DA"/>
    <w:rsid w:val="0014025F"/>
    <w:rsid w:val="00141BA2"/>
    <w:rsid w:val="00141EDC"/>
    <w:rsid w:val="00144E47"/>
    <w:rsid w:val="00146A45"/>
    <w:rsid w:val="00146C15"/>
    <w:rsid w:val="001474F9"/>
    <w:rsid w:val="00147835"/>
    <w:rsid w:val="001605CF"/>
    <w:rsid w:val="0016061E"/>
    <w:rsid w:val="001608D3"/>
    <w:rsid w:val="001642A7"/>
    <w:rsid w:val="001643C7"/>
    <w:rsid w:val="00165D93"/>
    <w:rsid w:val="001722CB"/>
    <w:rsid w:val="001727AD"/>
    <w:rsid w:val="00172F53"/>
    <w:rsid w:val="00173170"/>
    <w:rsid w:val="00175832"/>
    <w:rsid w:val="001761B7"/>
    <w:rsid w:val="00184E1F"/>
    <w:rsid w:val="001877B2"/>
    <w:rsid w:val="001963F9"/>
    <w:rsid w:val="00197E5F"/>
    <w:rsid w:val="001A211E"/>
    <w:rsid w:val="001A4EF9"/>
    <w:rsid w:val="001A5E8E"/>
    <w:rsid w:val="001B1FC7"/>
    <w:rsid w:val="001B3F66"/>
    <w:rsid w:val="001B72DD"/>
    <w:rsid w:val="001C1385"/>
    <w:rsid w:val="001C4A22"/>
    <w:rsid w:val="001C5AD8"/>
    <w:rsid w:val="001C65E8"/>
    <w:rsid w:val="001D48A0"/>
    <w:rsid w:val="001E0C18"/>
    <w:rsid w:val="001E4662"/>
    <w:rsid w:val="001E5AE0"/>
    <w:rsid w:val="001E6754"/>
    <w:rsid w:val="001E69E7"/>
    <w:rsid w:val="001E7227"/>
    <w:rsid w:val="001F0B13"/>
    <w:rsid w:val="001F4F77"/>
    <w:rsid w:val="001F55D7"/>
    <w:rsid w:val="001F6579"/>
    <w:rsid w:val="001F6E16"/>
    <w:rsid w:val="001F7254"/>
    <w:rsid w:val="00200061"/>
    <w:rsid w:val="0020084B"/>
    <w:rsid w:val="002027A0"/>
    <w:rsid w:val="002042E2"/>
    <w:rsid w:val="00204A1D"/>
    <w:rsid w:val="00205C15"/>
    <w:rsid w:val="00206A9B"/>
    <w:rsid w:val="0021000C"/>
    <w:rsid w:val="002126C4"/>
    <w:rsid w:val="00215DA1"/>
    <w:rsid w:val="0021606D"/>
    <w:rsid w:val="00216AB4"/>
    <w:rsid w:val="002170CC"/>
    <w:rsid w:val="00231C3D"/>
    <w:rsid w:val="00233F71"/>
    <w:rsid w:val="00243650"/>
    <w:rsid w:val="00247768"/>
    <w:rsid w:val="0025352E"/>
    <w:rsid w:val="00254246"/>
    <w:rsid w:val="00254CA4"/>
    <w:rsid w:val="00263873"/>
    <w:rsid w:val="00265AB7"/>
    <w:rsid w:val="0027242C"/>
    <w:rsid w:val="0027473E"/>
    <w:rsid w:val="0027710E"/>
    <w:rsid w:val="00287529"/>
    <w:rsid w:val="00287CC7"/>
    <w:rsid w:val="00290A2F"/>
    <w:rsid w:val="00292662"/>
    <w:rsid w:val="00292748"/>
    <w:rsid w:val="002971D0"/>
    <w:rsid w:val="002978E1"/>
    <w:rsid w:val="002A0C8C"/>
    <w:rsid w:val="002A7CD1"/>
    <w:rsid w:val="002A7EFE"/>
    <w:rsid w:val="002B6302"/>
    <w:rsid w:val="002C438F"/>
    <w:rsid w:val="002C4E9D"/>
    <w:rsid w:val="002C790C"/>
    <w:rsid w:val="002D0570"/>
    <w:rsid w:val="002D0A0B"/>
    <w:rsid w:val="002D16E9"/>
    <w:rsid w:val="002D37EF"/>
    <w:rsid w:val="002D42E7"/>
    <w:rsid w:val="002D788A"/>
    <w:rsid w:val="002E19EA"/>
    <w:rsid w:val="002E4896"/>
    <w:rsid w:val="002E4B0B"/>
    <w:rsid w:val="002E5E21"/>
    <w:rsid w:val="002F1603"/>
    <w:rsid w:val="002F2BFE"/>
    <w:rsid w:val="002F3A1C"/>
    <w:rsid w:val="002F63E1"/>
    <w:rsid w:val="002F69FF"/>
    <w:rsid w:val="00300BAA"/>
    <w:rsid w:val="003013EE"/>
    <w:rsid w:val="0030287D"/>
    <w:rsid w:val="00303F15"/>
    <w:rsid w:val="00305AEE"/>
    <w:rsid w:val="0030618B"/>
    <w:rsid w:val="00306251"/>
    <w:rsid w:val="0030667E"/>
    <w:rsid w:val="00306A6F"/>
    <w:rsid w:val="0031032A"/>
    <w:rsid w:val="00310349"/>
    <w:rsid w:val="00311E52"/>
    <w:rsid w:val="00317C96"/>
    <w:rsid w:val="00324C0A"/>
    <w:rsid w:val="003251AC"/>
    <w:rsid w:val="003266C1"/>
    <w:rsid w:val="00332B13"/>
    <w:rsid w:val="00334D00"/>
    <w:rsid w:val="00334E19"/>
    <w:rsid w:val="00335906"/>
    <w:rsid w:val="00340A77"/>
    <w:rsid w:val="00341254"/>
    <w:rsid w:val="003423D0"/>
    <w:rsid w:val="0034588F"/>
    <w:rsid w:val="00347BF6"/>
    <w:rsid w:val="00350195"/>
    <w:rsid w:val="00351BDA"/>
    <w:rsid w:val="003537DD"/>
    <w:rsid w:val="00354DA6"/>
    <w:rsid w:val="00360213"/>
    <w:rsid w:val="003604A6"/>
    <w:rsid w:val="00363635"/>
    <w:rsid w:val="0036442B"/>
    <w:rsid w:val="00364FA0"/>
    <w:rsid w:val="003718A2"/>
    <w:rsid w:val="00373C0F"/>
    <w:rsid w:val="00376F10"/>
    <w:rsid w:val="00380433"/>
    <w:rsid w:val="003807D2"/>
    <w:rsid w:val="0038218A"/>
    <w:rsid w:val="00383ECE"/>
    <w:rsid w:val="00385569"/>
    <w:rsid w:val="00385634"/>
    <w:rsid w:val="00386655"/>
    <w:rsid w:val="00392D89"/>
    <w:rsid w:val="00396CFE"/>
    <w:rsid w:val="00397F64"/>
    <w:rsid w:val="003A0024"/>
    <w:rsid w:val="003A626D"/>
    <w:rsid w:val="003B0C10"/>
    <w:rsid w:val="003B1FF8"/>
    <w:rsid w:val="003B59B7"/>
    <w:rsid w:val="003B7E64"/>
    <w:rsid w:val="003C4A71"/>
    <w:rsid w:val="003C4AF7"/>
    <w:rsid w:val="003C4CC3"/>
    <w:rsid w:val="003C4E51"/>
    <w:rsid w:val="003C560B"/>
    <w:rsid w:val="003C6701"/>
    <w:rsid w:val="003D36B2"/>
    <w:rsid w:val="003D3A4B"/>
    <w:rsid w:val="003D5B6B"/>
    <w:rsid w:val="003E1DB1"/>
    <w:rsid w:val="003E59F8"/>
    <w:rsid w:val="003E7CB7"/>
    <w:rsid w:val="003F1598"/>
    <w:rsid w:val="003F1A3B"/>
    <w:rsid w:val="003F1D89"/>
    <w:rsid w:val="003F3AA1"/>
    <w:rsid w:val="003F61F8"/>
    <w:rsid w:val="003F64B7"/>
    <w:rsid w:val="004016F0"/>
    <w:rsid w:val="00401D73"/>
    <w:rsid w:val="00406388"/>
    <w:rsid w:val="004074C7"/>
    <w:rsid w:val="00411ACD"/>
    <w:rsid w:val="004140B6"/>
    <w:rsid w:val="004146D9"/>
    <w:rsid w:val="0041473F"/>
    <w:rsid w:val="00415D10"/>
    <w:rsid w:val="004164E1"/>
    <w:rsid w:val="004166A4"/>
    <w:rsid w:val="00420E84"/>
    <w:rsid w:val="004279DC"/>
    <w:rsid w:val="004316C1"/>
    <w:rsid w:val="00431EBD"/>
    <w:rsid w:val="00432E3A"/>
    <w:rsid w:val="00433F1B"/>
    <w:rsid w:val="004402F9"/>
    <w:rsid w:val="00443B60"/>
    <w:rsid w:val="004475B8"/>
    <w:rsid w:val="00453A12"/>
    <w:rsid w:val="004549C9"/>
    <w:rsid w:val="004569F0"/>
    <w:rsid w:val="00462F55"/>
    <w:rsid w:val="004657CD"/>
    <w:rsid w:val="004708FB"/>
    <w:rsid w:val="00474AEC"/>
    <w:rsid w:val="0047715A"/>
    <w:rsid w:val="004771F4"/>
    <w:rsid w:val="00480B9C"/>
    <w:rsid w:val="0048225C"/>
    <w:rsid w:val="004845F5"/>
    <w:rsid w:val="00490F2C"/>
    <w:rsid w:val="00494EDB"/>
    <w:rsid w:val="00496589"/>
    <w:rsid w:val="004A0D9D"/>
    <w:rsid w:val="004A2548"/>
    <w:rsid w:val="004B2B32"/>
    <w:rsid w:val="004B379F"/>
    <w:rsid w:val="004B3B96"/>
    <w:rsid w:val="004C46E0"/>
    <w:rsid w:val="004C558A"/>
    <w:rsid w:val="004D24E7"/>
    <w:rsid w:val="004D5C4C"/>
    <w:rsid w:val="004E0432"/>
    <w:rsid w:val="004E049C"/>
    <w:rsid w:val="004E14F6"/>
    <w:rsid w:val="004E2B8E"/>
    <w:rsid w:val="004F09A1"/>
    <w:rsid w:val="004F2588"/>
    <w:rsid w:val="005012AB"/>
    <w:rsid w:val="005034BB"/>
    <w:rsid w:val="00507713"/>
    <w:rsid w:val="00507B16"/>
    <w:rsid w:val="00507CA9"/>
    <w:rsid w:val="0051292D"/>
    <w:rsid w:val="0051426F"/>
    <w:rsid w:val="0051532B"/>
    <w:rsid w:val="00515938"/>
    <w:rsid w:val="005167FE"/>
    <w:rsid w:val="00522AF9"/>
    <w:rsid w:val="00525AC7"/>
    <w:rsid w:val="0052667D"/>
    <w:rsid w:val="00530B49"/>
    <w:rsid w:val="005312AC"/>
    <w:rsid w:val="005357D6"/>
    <w:rsid w:val="005408AF"/>
    <w:rsid w:val="005413FC"/>
    <w:rsid w:val="005446A3"/>
    <w:rsid w:val="00545ACD"/>
    <w:rsid w:val="00550CF6"/>
    <w:rsid w:val="00555BBA"/>
    <w:rsid w:val="0056524D"/>
    <w:rsid w:val="005665B1"/>
    <w:rsid w:val="00566752"/>
    <w:rsid w:val="005679BB"/>
    <w:rsid w:val="00574D98"/>
    <w:rsid w:val="005901A6"/>
    <w:rsid w:val="00590716"/>
    <w:rsid w:val="0059109E"/>
    <w:rsid w:val="00593BD1"/>
    <w:rsid w:val="005963C3"/>
    <w:rsid w:val="00596A85"/>
    <w:rsid w:val="00596B92"/>
    <w:rsid w:val="005A0532"/>
    <w:rsid w:val="005A42EE"/>
    <w:rsid w:val="005A47BE"/>
    <w:rsid w:val="005A7AFE"/>
    <w:rsid w:val="005B233E"/>
    <w:rsid w:val="005B2F28"/>
    <w:rsid w:val="005B662C"/>
    <w:rsid w:val="005C016A"/>
    <w:rsid w:val="005C4482"/>
    <w:rsid w:val="005C56AA"/>
    <w:rsid w:val="005C5E00"/>
    <w:rsid w:val="005D09F3"/>
    <w:rsid w:val="005D1A55"/>
    <w:rsid w:val="005D34BF"/>
    <w:rsid w:val="005D4BD1"/>
    <w:rsid w:val="005D61F4"/>
    <w:rsid w:val="005D636A"/>
    <w:rsid w:val="005D7A45"/>
    <w:rsid w:val="005E09C3"/>
    <w:rsid w:val="005E474C"/>
    <w:rsid w:val="005E7616"/>
    <w:rsid w:val="005E7648"/>
    <w:rsid w:val="005F01D0"/>
    <w:rsid w:val="005F13E7"/>
    <w:rsid w:val="005F2997"/>
    <w:rsid w:val="005F5358"/>
    <w:rsid w:val="005F74D3"/>
    <w:rsid w:val="00600620"/>
    <w:rsid w:val="006011E6"/>
    <w:rsid w:val="00602319"/>
    <w:rsid w:val="0060510F"/>
    <w:rsid w:val="00605C3D"/>
    <w:rsid w:val="0060732F"/>
    <w:rsid w:val="006145A4"/>
    <w:rsid w:val="00617B09"/>
    <w:rsid w:val="00623997"/>
    <w:rsid w:val="0062464B"/>
    <w:rsid w:val="006337D9"/>
    <w:rsid w:val="006340AD"/>
    <w:rsid w:val="0063776A"/>
    <w:rsid w:val="006438F5"/>
    <w:rsid w:val="00643EE1"/>
    <w:rsid w:val="00645042"/>
    <w:rsid w:val="00653917"/>
    <w:rsid w:val="00655D67"/>
    <w:rsid w:val="00661601"/>
    <w:rsid w:val="006616A8"/>
    <w:rsid w:val="00661B72"/>
    <w:rsid w:val="00661C92"/>
    <w:rsid w:val="00671AD6"/>
    <w:rsid w:val="00674C41"/>
    <w:rsid w:val="00675CCA"/>
    <w:rsid w:val="00675D7C"/>
    <w:rsid w:val="0068158C"/>
    <w:rsid w:val="006877E2"/>
    <w:rsid w:val="00692130"/>
    <w:rsid w:val="00692BEA"/>
    <w:rsid w:val="00693BDA"/>
    <w:rsid w:val="006946D3"/>
    <w:rsid w:val="006960F0"/>
    <w:rsid w:val="00696A03"/>
    <w:rsid w:val="006A18A4"/>
    <w:rsid w:val="006A1EEF"/>
    <w:rsid w:val="006A279E"/>
    <w:rsid w:val="006A2907"/>
    <w:rsid w:val="006A3C61"/>
    <w:rsid w:val="006B1A13"/>
    <w:rsid w:val="006B2BE9"/>
    <w:rsid w:val="006B7A55"/>
    <w:rsid w:val="006C4CA0"/>
    <w:rsid w:val="006C4FAE"/>
    <w:rsid w:val="006C5A70"/>
    <w:rsid w:val="006C688D"/>
    <w:rsid w:val="006C7AA3"/>
    <w:rsid w:val="006D3FDF"/>
    <w:rsid w:val="006E0F8F"/>
    <w:rsid w:val="006E285D"/>
    <w:rsid w:val="006E433E"/>
    <w:rsid w:val="006E7400"/>
    <w:rsid w:val="006E7678"/>
    <w:rsid w:val="006F13B0"/>
    <w:rsid w:val="006F18AC"/>
    <w:rsid w:val="006F1C8A"/>
    <w:rsid w:val="006F4739"/>
    <w:rsid w:val="00702D48"/>
    <w:rsid w:val="00704AAD"/>
    <w:rsid w:val="00713546"/>
    <w:rsid w:val="0071511C"/>
    <w:rsid w:val="00723911"/>
    <w:rsid w:val="00727381"/>
    <w:rsid w:val="00737E8D"/>
    <w:rsid w:val="00741B19"/>
    <w:rsid w:val="00743F57"/>
    <w:rsid w:val="00746964"/>
    <w:rsid w:val="00750AB6"/>
    <w:rsid w:val="00751DF3"/>
    <w:rsid w:val="00752270"/>
    <w:rsid w:val="00754166"/>
    <w:rsid w:val="00760037"/>
    <w:rsid w:val="00760E5D"/>
    <w:rsid w:val="00761C14"/>
    <w:rsid w:val="00761C30"/>
    <w:rsid w:val="007638B1"/>
    <w:rsid w:val="00765434"/>
    <w:rsid w:val="00766190"/>
    <w:rsid w:val="00766B03"/>
    <w:rsid w:val="007673BE"/>
    <w:rsid w:val="0076763C"/>
    <w:rsid w:val="00767C7F"/>
    <w:rsid w:val="007716A4"/>
    <w:rsid w:val="007723DA"/>
    <w:rsid w:val="00780337"/>
    <w:rsid w:val="0078386E"/>
    <w:rsid w:val="00784ED2"/>
    <w:rsid w:val="0078503C"/>
    <w:rsid w:val="0078591C"/>
    <w:rsid w:val="00786B0B"/>
    <w:rsid w:val="00787141"/>
    <w:rsid w:val="00791915"/>
    <w:rsid w:val="007925BB"/>
    <w:rsid w:val="007938D3"/>
    <w:rsid w:val="007A0DCA"/>
    <w:rsid w:val="007A186C"/>
    <w:rsid w:val="007A3128"/>
    <w:rsid w:val="007A5F11"/>
    <w:rsid w:val="007A6E78"/>
    <w:rsid w:val="007B12FF"/>
    <w:rsid w:val="007C00EB"/>
    <w:rsid w:val="007C0CCD"/>
    <w:rsid w:val="007C11E0"/>
    <w:rsid w:val="007C15A3"/>
    <w:rsid w:val="007C1868"/>
    <w:rsid w:val="007C1E3E"/>
    <w:rsid w:val="007C75D3"/>
    <w:rsid w:val="007D1095"/>
    <w:rsid w:val="007D15C7"/>
    <w:rsid w:val="007D3EDE"/>
    <w:rsid w:val="007E0763"/>
    <w:rsid w:val="007E253E"/>
    <w:rsid w:val="007E3BBF"/>
    <w:rsid w:val="007E5217"/>
    <w:rsid w:val="007F07E8"/>
    <w:rsid w:val="007F3DE7"/>
    <w:rsid w:val="007F422D"/>
    <w:rsid w:val="008002CE"/>
    <w:rsid w:val="008008C9"/>
    <w:rsid w:val="00803437"/>
    <w:rsid w:val="008043A0"/>
    <w:rsid w:val="0080776B"/>
    <w:rsid w:val="00811464"/>
    <w:rsid w:val="00812B51"/>
    <w:rsid w:val="00815FCD"/>
    <w:rsid w:val="0081659B"/>
    <w:rsid w:val="008167ED"/>
    <w:rsid w:val="0081793A"/>
    <w:rsid w:val="008234B8"/>
    <w:rsid w:val="00827BE2"/>
    <w:rsid w:val="008343BD"/>
    <w:rsid w:val="00834D4D"/>
    <w:rsid w:val="00836D4A"/>
    <w:rsid w:val="00836EEF"/>
    <w:rsid w:val="00840238"/>
    <w:rsid w:val="00840D67"/>
    <w:rsid w:val="00843243"/>
    <w:rsid w:val="0085044B"/>
    <w:rsid w:val="00850D0C"/>
    <w:rsid w:val="00850D45"/>
    <w:rsid w:val="00852DBE"/>
    <w:rsid w:val="00856776"/>
    <w:rsid w:val="00857280"/>
    <w:rsid w:val="008631E4"/>
    <w:rsid w:val="00864AB1"/>
    <w:rsid w:val="00865DF2"/>
    <w:rsid w:val="008661C5"/>
    <w:rsid w:val="008678EE"/>
    <w:rsid w:val="008700BE"/>
    <w:rsid w:val="008716DC"/>
    <w:rsid w:val="0087612A"/>
    <w:rsid w:val="00877046"/>
    <w:rsid w:val="0088285D"/>
    <w:rsid w:val="00882B28"/>
    <w:rsid w:val="00884E2F"/>
    <w:rsid w:val="00887004"/>
    <w:rsid w:val="008905A9"/>
    <w:rsid w:val="00892974"/>
    <w:rsid w:val="00893526"/>
    <w:rsid w:val="00894B9B"/>
    <w:rsid w:val="008A0647"/>
    <w:rsid w:val="008A1BF8"/>
    <w:rsid w:val="008A1CA4"/>
    <w:rsid w:val="008A4356"/>
    <w:rsid w:val="008A6635"/>
    <w:rsid w:val="008B03B4"/>
    <w:rsid w:val="008B1B75"/>
    <w:rsid w:val="008B272B"/>
    <w:rsid w:val="008B3460"/>
    <w:rsid w:val="008B3C6D"/>
    <w:rsid w:val="008B4E9F"/>
    <w:rsid w:val="008C1819"/>
    <w:rsid w:val="008C3570"/>
    <w:rsid w:val="008C508F"/>
    <w:rsid w:val="008C5866"/>
    <w:rsid w:val="008C7EDD"/>
    <w:rsid w:val="008D0E83"/>
    <w:rsid w:val="008D4D61"/>
    <w:rsid w:val="008D541C"/>
    <w:rsid w:val="008D6B57"/>
    <w:rsid w:val="008D7B29"/>
    <w:rsid w:val="008D7E84"/>
    <w:rsid w:val="008E1B56"/>
    <w:rsid w:val="008E4BCE"/>
    <w:rsid w:val="008E7FFB"/>
    <w:rsid w:val="008F17D3"/>
    <w:rsid w:val="008F24FE"/>
    <w:rsid w:val="009015C3"/>
    <w:rsid w:val="009021C4"/>
    <w:rsid w:val="00903ADF"/>
    <w:rsid w:val="00903BDE"/>
    <w:rsid w:val="00904858"/>
    <w:rsid w:val="009119C8"/>
    <w:rsid w:val="00912EF8"/>
    <w:rsid w:val="009162F9"/>
    <w:rsid w:val="00916B91"/>
    <w:rsid w:val="00917714"/>
    <w:rsid w:val="00920669"/>
    <w:rsid w:val="00924DF5"/>
    <w:rsid w:val="009269AA"/>
    <w:rsid w:val="00927A8F"/>
    <w:rsid w:val="00927EAD"/>
    <w:rsid w:val="009310A2"/>
    <w:rsid w:val="00943CA5"/>
    <w:rsid w:val="00944F0A"/>
    <w:rsid w:val="0094543D"/>
    <w:rsid w:val="00945497"/>
    <w:rsid w:val="009458AA"/>
    <w:rsid w:val="009468F0"/>
    <w:rsid w:val="00950B68"/>
    <w:rsid w:val="00951660"/>
    <w:rsid w:val="00951C10"/>
    <w:rsid w:val="00954D7A"/>
    <w:rsid w:val="0095612A"/>
    <w:rsid w:val="00960832"/>
    <w:rsid w:val="00961691"/>
    <w:rsid w:val="00966464"/>
    <w:rsid w:val="009727DB"/>
    <w:rsid w:val="00974DCD"/>
    <w:rsid w:val="0097592A"/>
    <w:rsid w:val="0097609C"/>
    <w:rsid w:val="00976926"/>
    <w:rsid w:val="00977659"/>
    <w:rsid w:val="00980830"/>
    <w:rsid w:val="0098254B"/>
    <w:rsid w:val="009946C1"/>
    <w:rsid w:val="009968F7"/>
    <w:rsid w:val="0099745D"/>
    <w:rsid w:val="009A1952"/>
    <w:rsid w:val="009A19F5"/>
    <w:rsid w:val="009A3F3A"/>
    <w:rsid w:val="009A6124"/>
    <w:rsid w:val="009B0EFB"/>
    <w:rsid w:val="009B64B9"/>
    <w:rsid w:val="009B6B08"/>
    <w:rsid w:val="009B6B42"/>
    <w:rsid w:val="009B7308"/>
    <w:rsid w:val="009B7BC4"/>
    <w:rsid w:val="009C2516"/>
    <w:rsid w:val="009D01C7"/>
    <w:rsid w:val="009D5153"/>
    <w:rsid w:val="009D5640"/>
    <w:rsid w:val="009D6130"/>
    <w:rsid w:val="009E0F3A"/>
    <w:rsid w:val="009E232E"/>
    <w:rsid w:val="009E516A"/>
    <w:rsid w:val="009E5CC3"/>
    <w:rsid w:val="009F1922"/>
    <w:rsid w:val="009F257B"/>
    <w:rsid w:val="009F2EEC"/>
    <w:rsid w:val="009F2FA2"/>
    <w:rsid w:val="009F3441"/>
    <w:rsid w:val="009F3F38"/>
    <w:rsid w:val="009F59E3"/>
    <w:rsid w:val="00A01312"/>
    <w:rsid w:val="00A021C4"/>
    <w:rsid w:val="00A03D77"/>
    <w:rsid w:val="00A04679"/>
    <w:rsid w:val="00A055FA"/>
    <w:rsid w:val="00A071E6"/>
    <w:rsid w:val="00A1106C"/>
    <w:rsid w:val="00A12BDF"/>
    <w:rsid w:val="00A13530"/>
    <w:rsid w:val="00A200D9"/>
    <w:rsid w:val="00A21820"/>
    <w:rsid w:val="00A22B1E"/>
    <w:rsid w:val="00A24A2C"/>
    <w:rsid w:val="00A31C01"/>
    <w:rsid w:val="00A31E75"/>
    <w:rsid w:val="00A355F1"/>
    <w:rsid w:val="00A405CC"/>
    <w:rsid w:val="00A41814"/>
    <w:rsid w:val="00A41F67"/>
    <w:rsid w:val="00A4271C"/>
    <w:rsid w:val="00A507A9"/>
    <w:rsid w:val="00A52672"/>
    <w:rsid w:val="00A5765D"/>
    <w:rsid w:val="00A62081"/>
    <w:rsid w:val="00A671F2"/>
    <w:rsid w:val="00A733EA"/>
    <w:rsid w:val="00A76B1A"/>
    <w:rsid w:val="00A81B34"/>
    <w:rsid w:val="00A830EB"/>
    <w:rsid w:val="00A861CF"/>
    <w:rsid w:val="00A91B57"/>
    <w:rsid w:val="00A92037"/>
    <w:rsid w:val="00A93072"/>
    <w:rsid w:val="00A95E22"/>
    <w:rsid w:val="00AA6302"/>
    <w:rsid w:val="00AB1797"/>
    <w:rsid w:val="00AB529F"/>
    <w:rsid w:val="00AB553B"/>
    <w:rsid w:val="00AB61EB"/>
    <w:rsid w:val="00AB69FE"/>
    <w:rsid w:val="00AB6B1D"/>
    <w:rsid w:val="00AC0971"/>
    <w:rsid w:val="00AC0B22"/>
    <w:rsid w:val="00AC179B"/>
    <w:rsid w:val="00AC1F71"/>
    <w:rsid w:val="00AC3AD4"/>
    <w:rsid w:val="00AD05BE"/>
    <w:rsid w:val="00AD7E74"/>
    <w:rsid w:val="00AE17DF"/>
    <w:rsid w:val="00AE1B6F"/>
    <w:rsid w:val="00AE2299"/>
    <w:rsid w:val="00AE2CE3"/>
    <w:rsid w:val="00AE386C"/>
    <w:rsid w:val="00AE6A55"/>
    <w:rsid w:val="00AE6C0E"/>
    <w:rsid w:val="00AF0CCA"/>
    <w:rsid w:val="00B045C7"/>
    <w:rsid w:val="00B045EE"/>
    <w:rsid w:val="00B0492F"/>
    <w:rsid w:val="00B05460"/>
    <w:rsid w:val="00B07D17"/>
    <w:rsid w:val="00B112C0"/>
    <w:rsid w:val="00B11336"/>
    <w:rsid w:val="00B11718"/>
    <w:rsid w:val="00B12081"/>
    <w:rsid w:val="00B12B74"/>
    <w:rsid w:val="00B134C1"/>
    <w:rsid w:val="00B156C5"/>
    <w:rsid w:val="00B1571E"/>
    <w:rsid w:val="00B1672E"/>
    <w:rsid w:val="00B21A57"/>
    <w:rsid w:val="00B239EB"/>
    <w:rsid w:val="00B334B1"/>
    <w:rsid w:val="00B36D56"/>
    <w:rsid w:val="00B4413C"/>
    <w:rsid w:val="00B44300"/>
    <w:rsid w:val="00B44785"/>
    <w:rsid w:val="00B455A5"/>
    <w:rsid w:val="00B4561C"/>
    <w:rsid w:val="00B45DAF"/>
    <w:rsid w:val="00B50A52"/>
    <w:rsid w:val="00B524BC"/>
    <w:rsid w:val="00B54151"/>
    <w:rsid w:val="00B60743"/>
    <w:rsid w:val="00B607AC"/>
    <w:rsid w:val="00B63D6A"/>
    <w:rsid w:val="00B646FA"/>
    <w:rsid w:val="00B64A15"/>
    <w:rsid w:val="00B66188"/>
    <w:rsid w:val="00B66586"/>
    <w:rsid w:val="00B72398"/>
    <w:rsid w:val="00B7489B"/>
    <w:rsid w:val="00B75464"/>
    <w:rsid w:val="00B762E2"/>
    <w:rsid w:val="00B815D0"/>
    <w:rsid w:val="00B81770"/>
    <w:rsid w:val="00B84408"/>
    <w:rsid w:val="00B84C47"/>
    <w:rsid w:val="00B8710C"/>
    <w:rsid w:val="00B941B2"/>
    <w:rsid w:val="00BA12DB"/>
    <w:rsid w:val="00BA75FC"/>
    <w:rsid w:val="00BB0FF6"/>
    <w:rsid w:val="00BB1187"/>
    <w:rsid w:val="00BB2315"/>
    <w:rsid w:val="00BB2A2D"/>
    <w:rsid w:val="00BB2F44"/>
    <w:rsid w:val="00BB4F41"/>
    <w:rsid w:val="00BB62CE"/>
    <w:rsid w:val="00BB676D"/>
    <w:rsid w:val="00BB7AC5"/>
    <w:rsid w:val="00BC04CA"/>
    <w:rsid w:val="00BC1060"/>
    <w:rsid w:val="00BC28C0"/>
    <w:rsid w:val="00BC3EC5"/>
    <w:rsid w:val="00BC6096"/>
    <w:rsid w:val="00BD2B27"/>
    <w:rsid w:val="00BD4F25"/>
    <w:rsid w:val="00BD586A"/>
    <w:rsid w:val="00BD6603"/>
    <w:rsid w:val="00BD7645"/>
    <w:rsid w:val="00BE614E"/>
    <w:rsid w:val="00BE685D"/>
    <w:rsid w:val="00BE6895"/>
    <w:rsid w:val="00BE6C26"/>
    <w:rsid w:val="00BF1DF5"/>
    <w:rsid w:val="00C02684"/>
    <w:rsid w:val="00C02DF2"/>
    <w:rsid w:val="00C0411D"/>
    <w:rsid w:val="00C05CC0"/>
    <w:rsid w:val="00C10DE9"/>
    <w:rsid w:val="00C17235"/>
    <w:rsid w:val="00C202C2"/>
    <w:rsid w:val="00C21F5D"/>
    <w:rsid w:val="00C22308"/>
    <w:rsid w:val="00C22BA7"/>
    <w:rsid w:val="00C23210"/>
    <w:rsid w:val="00C26F4B"/>
    <w:rsid w:val="00C300D8"/>
    <w:rsid w:val="00C35573"/>
    <w:rsid w:val="00C363DE"/>
    <w:rsid w:val="00C402CC"/>
    <w:rsid w:val="00C40931"/>
    <w:rsid w:val="00C425FE"/>
    <w:rsid w:val="00C433E4"/>
    <w:rsid w:val="00C4365E"/>
    <w:rsid w:val="00C440F7"/>
    <w:rsid w:val="00C44719"/>
    <w:rsid w:val="00C45924"/>
    <w:rsid w:val="00C47B04"/>
    <w:rsid w:val="00C523A6"/>
    <w:rsid w:val="00C55444"/>
    <w:rsid w:val="00C56CB3"/>
    <w:rsid w:val="00C63F2E"/>
    <w:rsid w:val="00C65FFE"/>
    <w:rsid w:val="00C66BF2"/>
    <w:rsid w:val="00C7067B"/>
    <w:rsid w:val="00C7092B"/>
    <w:rsid w:val="00C70FBD"/>
    <w:rsid w:val="00C718A0"/>
    <w:rsid w:val="00C732B6"/>
    <w:rsid w:val="00C7530F"/>
    <w:rsid w:val="00C7590E"/>
    <w:rsid w:val="00C763D0"/>
    <w:rsid w:val="00C84EB4"/>
    <w:rsid w:val="00C86AC7"/>
    <w:rsid w:val="00C87926"/>
    <w:rsid w:val="00C92835"/>
    <w:rsid w:val="00C94001"/>
    <w:rsid w:val="00C9477B"/>
    <w:rsid w:val="00C9505C"/>
    <w:rsid w:val="00C950C9"/>
    <w:rsid w:val="00C95869"/>
    <w:rsid w:val="00C95D71"/>
    <w:rsid w:val="00C965E1"/>
    <w:rsid w:val="00CA513B"/>
    <w:rsid w:val="00CA7265"/>
    <w:rsid w:val="00CB2178"/>
    <w:rsid w:val="00CB274D"/>
    <w:rsid w:val="00CC203D"/>
    <w:rsid w:val="00CC3603"/>
    <w:rsid w:val="00CC40AE"/>
    <w:rsid w:val="00CC73FF"/>
    <w:rsid w:val="00CD0A9E"/>
    <w:rsid w:val="00CD2037"/>
    <w:rsid w:val="00CD5699"/>
    <w:rsid w:val="00CE47BC"/>
    <w:rsid w:val="00CF0C46"/>
    <w:rsid w:val="00CF14EA"/>
    <w:rsid w:val="00D00F3B"/>
    <w:rsid w:val="00D02ECA"/>
    <w:rsid w:val="00D1031F"/>
    <w:rsid w:val="00D16D0D"/>
    <w:rsid w:val="00D16D8C"/>
    <w:rsid w:val="00D21029"/>
    <w:rsid w:val="00D26BA2"/>
    <w:rsid w:val="00D30CCF"/>
    <w:rsid w:val="00D34A05"/>
    <w:rsid w:val="00D433B4"/>
    <w:rsid w:val="00D43FA7"/>
    <w:rsid w:val="00D44775"/>
    <w:rsid w:val="00D44B17"/>
    <w:rsid w:val="00D45780"/>
    <w:rsid w:val="00D459C0"/>
    <w:rsid w:val="00D47ED8"/>
    <w:rsid w:val="00D54A51"/>
    <w:rsid w:val="00D54D03"/>
    <w:rsid w:val="00D5602C"/>
    <w:rsid w:val="00D6192D"/>
    <w:rsid w:val="00D655B5"/>
    <w:rsid w:val="00D65D88"/>
    <w:rsid w:val="00D65E28"/>
    <w:rsid w:val="00D70058"/>
    <w:rsid w:val="00D7287F"/>
    <w:rsid w:val="00D730F8"/>
    <w:rsid w:val="00D73A80"/>
    <w:rsid w:val="00D80985"/>
    <w:rsid w:val="00D838FE"/>
    <w:rsid w:val="00D83F50"/>
    <w:rsid w:val="00D87B74"/>
    <w:rsid w:val="00D90291"/>
    <w:rsid w:val="00D92100"/>
    <w:rsid w:val="00D95F3A"/>
    <w:rsid w:val="00DA120F"/>
    <w:rsid w:val="00DA602C"/>
    <w:rsid w:val="00DB155D"/>
    <w:rsid w:val="00DB1F42"/>
    <w:rsid w:val="00DB2CD6"/>
    <w:rsid w:val="00DB4976"/>
    <w:rsid w:val="00DB69D2"/>
    <w:rsid w:val="00DB7A10"/>
    <w:rsid w:val="00DB7A9E"/>
    <w:rsid w:val="00DC05A0"/>
    <w:rsid w:val="00DC6A35"/>
    <w:rsid w:val="00DD1F6A"/>
    <w:rsid w:val="00DD537E"/>
    <w:rsid w:val="00DD5755"/>
    <w:rsid w:val="00DE65AF"/>
    <w:rsid w:val="00E028C2"/>
    <w:rsid w:val="00E04BDD"/>
    <w:rsid w:val="00E16133"/>
    <w:rsid w:val="00E25BF4"/>
    <w:rsid w:val="00E26F78"/>
    <w:rsid w:val="00E2751B"/>
    <w:rsid w:val="00E27DE0"/>
    <w:rsid w:val="00E30560"/>
    <w:rsid w:val="00E30969"/>
    <w:rsid w:val="00E332C6"/>
    <w:rsid w:val="00E34A88"/>
    <w:rsid w:val="00E375F1"/>
    <w:rsid w:val="00E378F0"/>
    <w:rsid w:val="00E42E91"/>
    <w:rsid w:val="00E60EAF"/>
    <w:rsid w:val="00E61753"/>
    <w:rsid w:val="00E61FCA"/>
    <w:rsid w:val="00E6490B"/>
    <w:rsid w:val="00E64DDE"/>
    <w:rsid w:val="00E67851"/>
    <w:rsid w:val="00E70979"/>
    <w:rsid w:val="00E70A2D"/>
    <w:rsid w:val="00E72297"/>
    <w:rsid w:val="00E72CED"/>
    <w:rsid w:val="00E800F5"/>
    <w:rsid w:val="00E8011E"/>
    <w:rsid w:val="00E80385"/>
    <w:rsid w:val="00E812D7"/>
    <w:rsid w:val="00E81ABD"/>
    <w:rsid w:val="00E84F93"/>
    <w:rsid w:val="00E86AB7"/>
    <w:rsid w:val="00E86C37"/>
    <w:rsid w:val="00E87A8E"/>
    <w:rsid w:val="00E92770"/>
    <w:rsid w:val="00E9531A"/>
    <w:rsid w:val="00EA572F"/>
    <w:rsid w:val="00EA6D98"/>
    <w:rsid w:val="00EA7897"/>
    <w:rsid w:val="00EB18D1"/>
    <w:rsid w:val="00EB2DF0"/>
    <w:rsid w:val="00EB41C9"/>
    <w:rsid w:val="00EB596C"/>
    <w:rsid w:val="00EC2E2B"/>
    <w:rsid w:val="00EC307F"/>
    <w:rsid w:val="00EC3135"/>
    <w:rsid w:val="00EC3B02"/>
    <w:rsid w:val="00EC3F8D"/>
    <w:rsid w:val="00ED0776"/>
    <w:rsid w:val="00ED0F93"/>
    <w:rsid w:val="00ED15E2"/>
    <w:rsid w:val="00ED3B8D"/>
    <w:rsid w:val="00ED3BDB"/>
    <w:rsid w:val="00ED3ED4"/>
    <w:rsid w:val="00ED4694"/>
    <w:rsid w:val="00ED6F2D"/>
    <w:rsid w:val="00EE1B2B"/>
    <w:rsid w:val="00EE22F5"/>
    <w:rsid w:val="00EE2F36"/>
    <w:rsid w:val="00EE5B5C"/>
    <w:rsid w:val="00EF052A"/>
    <w:rsid w:val="00EF2083"/>
    <w:rsid w:val="00EF3641"/>
    <w:rsid w:val="00EF52E6"/>
    <w:rsid w:val="00F00748"/>
    <w:rsid w:val="00F00B63"/>
    <w:rsid w:val="00F010C7"/>
    <w:rsid w:val="00F010F6"/>
    <w:rsid w:val="00F037DC"/>
    <w:rsid w:val="00F0474E"/>
    <w:rsid w:val="00F05CA5"/>
    <w:rsid w:val="00F0613D"/>
    <w:rsid w:val="00F068EB"/>
    <w:rsid w:val="00F07C87"/>
    <w:rsid w:val="00F1113A"/>
    <w:rsid w:val="00F14287"/>
    <w:rsid w:val="00F15526"/>
    <w:rsid w:val="00F1656F"/>
    <w:rsid w:val="00F171F0"/>
    <w:rsid w:val="00F227AF"/>
    <w:rsid w:val="00F22E30"/>
    <w:rsid w:val="00F24EE0"/>
    <w:rsid w:val="00F25485"/>
    <w:rsid w:val="00F266AB"/>
    <w:rsid w:val="00F31624"/>
    <w:rsid w:val="00F32E3E"/>
    <w:rsid w:val="00F343B9"/>
    <w:rsid w:val="00F36BBE"/>
    <w:rsid w:val="00F37434"/>
    <w:rsid w:val="00F37698"/>
    <w:rsid w:val="00F4217B"/>
    <w:rsid w:val="00F5245E"/>
    <w:rsid w:val="00F5261E"/>
    <w:rsid w:val="00F5289C"/>
    <w:rsid w:val="00F57D24"/>
    <w:rsid w:val="00F60C6E"/>
    <w:rsid w:val="00F63962"/>
    <w:rsid w:val="00F646FC"/>
    <w:rsid w:val="00F6508E"/>
    <w:rsid w:val="00F6649D"/>
    <w:rsid w:val="00F70B09"/>
    <w:rsid w:val="00F72293"/>
    <w:rsid w:val="00F740D8"/>
    <w:rsid w:val="00F7547C"/>
    <w:rsid w:val="00F759B2"/>
    <w:rsid w:val="00F81D44"/>
    <w:rsid w:val="00F81EC1"/>
    <w:rsid w:val="00F83E5C"/>
    <w:rsid w:val="00F86778"/>
    <w:rsid w:val="00F86D49"/>
    <w:rsid w:val="00F948A1"/>
    <w:rsid w:val="00FA0002"/>
    <w:rsid w:val="00FA0227"/>
    <w:rsid w:val="00FA163B"/>
    <w:rsid w:val="00FA1C9E"/>
    <w:rsid w:val="00FA2ACE"/>
    <w:rsid w:val="00FA2BD2"/>
    <w:rsid w:val="00FA3162"/>
    <w:rsid w:val="00FA4E0E"/>
    <w:rsid w:val="00FB2942"/>
    <w:rsid w:val="00FB2D06"/>
    <w:rsid w:val="00FB32F8"/>
    <w:rsid w:val="00FB3FFB"/>
    <w:rsid w:val="00FB5620"/>
    <w:rsid w:val="00FC0349"/>
    <w:rsid w:val="00FC0FC8"/>
    <w:rsid w:val="00FC1C59"/>
    <w:rsid w:val="00FC7D28"/>
    <w:rsid w:val="00FD7EC0"/>
    <w:rsid w:val="00FE008D"/>
    <w:rsid w:val="00FE0BA3"/>
    <w:rsid w:val="00FE10B8"/>
    <w:rsid w:val="00FE2AA8"/>
    <w:rsid w:val="00FE2F5F"/>
    <w:rsid w:val="00FE4915"/>
    <w:rsid w:val="00FF3291"/>
    <w:rsid w:val="00FF6352"/>
    <w:rsid w:val="00FF68EE"/>
    <w:rsid w:val="00FF7DF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454F1A28"/>
  <w15:chartTrackingRefBased/>
  <w15:docId w15:val="{93985717-351A-44DC-A046-2959510135E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(Web)" w:uiPriority="99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9C2516"/>
    <w:rPr>
      <w:sz w:val="24"/>
    </w:rPr>
  </w:style>
  <w:style w:type="paragraph" w:styleId="Heading1">
    <w:name w:val="heading 1"/>
    <w:basedOn w:val="Normal"/>
    <w:next w:val="BodyText"/>
    <w:qFormat/>
    <w:rsid w:val="009C2516"/>
    <w:pPr>
      <w:keepNext/>
      <w:spacing w:after="240"/>
      <w:jc w:val="center"/>
      <w:outlineLvl w:val="0"/>
    </w:pPr>
    <w:rPr>
      <w:b/>
      <w:caps/>
      <w:u w:val="single"/>
    </w:rPr>
  </w:style>
  <w:style w:type="paragraph" w:styleId="Heading4">
    <w:name w:val="heading 4"/>
    <w:basedOn w:val="Normal"/>
    <w:next w:val="Normal"/>
    <w:qFormat/>
    <w:rsid w:val="009C2516"/>
    <w:pPr>
      <w:keepNext/>
      <w:jc w:val="both"/>
      <w:outlineLvl w:val="3"/>
    </w:pPr>
    <w:rPr>
      <w:b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noteText">
    <w:name w:val="footnote text"/>
    <w:basedOn w:val="Normal"/>
    <w:semiHidden/>
    <w:rsid w:val="009C2516"/>
    <w:pPr>
      <w:ind w:firstLine="720"/>
    </w:pPr>
    <w:rPr>
      <w:sz w:val="20"/>
    </w:rPr>
  </w:style>
  <w:style w:type="character" w:styleId="FootnoteReference">
    <w:name w:val="footnote reference"/>
    <w:basedOn w:val="DefaultParagraphFont"/>
    <w:semiHidden/>
    <w:rsid w:val="009C2516"/>
    <w:rPr>
      <w:vertAlign w:val="superscript"/>
    </w:rPr>
  </w:style>
  <w:style w:type="paragraph" w:styleId="Footer">
    <w:name w:val="footer"/>
    <w:basedOn w:val="Normal"/>
    <w:rsid w:val="009C2516"/>
    <w:pPr>
      <w:tabs>
        <w:tab w:val="center" w:pos="4680"/>
        <w:tab w:val="right" w:pos="9360"/>
      </w:tabs>
    </w:pPr>
  </w:style>
  <w:style w:type="paragraph" w:styleId="BodyText">
    <w:name w:val="Body Text"/>
    <w:basedOn w:val="Normal"/>
    <w:rsid w:val="009C2516"/>
    <w:pPr>
      <w:spacing w:after="240"/>
      <w:ind w:firstLine="720"/>
      <w:jc w:val="both"/>
    </w:pPr>
  </w:style>
  <w:style w:type="paragraph" w:styleId="Header">
    <w:name w:val="header"/>
    <w:basedOn w:val="Normal"/>
    <w:rsid w:val="009C2516"/>
    <w:pPr>
      <w:tabs>
        <w:tab w:val="center" w:pos="4680"/>
        <w:tab w:val="right" w:pos="9360"/>
      </w:tabs>
    </w:pPr>
  </w:style>
  <w:style w:type="paragraph" w:styleId="NormalWeb">
    <w:name w:val="Normal (Web)"/>
    <w:basedOn w:val="Normal"/>
    <w:uiPriority w:val="99"/>
    <w:rsid w:val="00C23210"/>
    <w:pPr>
      <w:spacing w:after="225"/>
    </w:pPr>
    <w:rPr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71986195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839362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2.xml"/><Relationship Id="rId3" Type="http://schemas.openxmlformats.org/officeDocument/2006/relationships/webSettings" Target="webSettings.xml"/><Relationship Id="rId7" Type="http://schemas.openxmlformats.org/officeDocument/2006/relationships/header" Target="header1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footer" Target="footer1.xml"/><Relationship Id="rId5" Type="http://schemas.openxmlformats.org/officeDocument/2006/relationships/endnotes" Target="endnotes.xml"/><Relationship Id="rId10" Type="http://schemas.openxmlformats.org/officeDocument/2006/relationships/theme" Target="theme/theme1.xml"/><Relationship Id="rId4" Type="http://schemas.openxmlformats.org/officeDocument/2006/relationships/footnotes" Target="footnotes.xml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9</TotalTime>
  <Pages>1</Pages>
  <Words>256</Words>
  <Characters>1462</Characters>
  <Application>Microsoft Office Word</Application>
  <DocSecurity>0</DocSecurity>
  <Lines>12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MODEL DISENGAGEMENT LETTER</vt:lpstr>
    </vt:vector>
  </TitlesOfParts>
  <Company>WILSON, ELSER, MOSKOWITZ, EDELMAN &amp; DICKER LLP</Company>
  <LinksUpToDate>false</LinksUpToDate>
  <CharactersWithSpaces>171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ODEL DISENGAGEMENT LETTER</dc:title>
  <dc:subject/>
  <dc:creator>MELAMEDI</dc:creator>
  <cp:keywords/>
  <dc:description/>
  <cp:lastModifiedBy>Ben Brown</cp:lastModifiedBy>
  <cp:revision>9</cp:revision>
  <cp:lastPrinted>2009-09-14T20:13:00Z</cp:lastPrinted>
  <dcterms:created xsi:type="dcterms:W3CDTF">2017-11-08T05:24:00Z</dcterms:created>
  <dcterms:modified xsi:type="dcterms:W3CDTF">2017-11-20T23:4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2414152.1</vt:lpwstr>
  </property>
</Properties>
</file>